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627922\Documents\GRUDZIEŃ 2025\AGENCJA PR PRZETARG\DOKUMENTY - do akceptu\WERSJE OD PIOTRA\CZYSTE OD PIOTRA - 2\"/>
    </mc:Choice>
  </mc:AlternateContent>
  <xr:revisionPtr revIDLastSave="0" documentId="13_ncr:1_{BB9C681C-CA46-4651-B987-6FC2F965DF00}" xr6:coauthVersionLast="47" xr6:coauthVersionMax="47" xr10:uidLastSave="{00000000-0000-0000-0000-000000000000}"/>
  <bookViews>
    <workbookView xWindow="-110" yWindow="-110" windowWidth="19420" windowHeight="11500" xr2:uid="{00000000-000D-0000-FFFF-FFFF00000000}"/>
  </bookViews>
  <sheets>
    <sheet name="Informcje_ogranizacyjne" sheetId="4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5" uniqueCount="44">
  <si>
    <t>ZAŁĄCZNIK NR 3 - INFORMACJE ORGANIZACYJNE</t>
  </si>
  <si>
    <t>Nazwa firmy</t>
  </si>
  <si>
    <t>1. Dane teleadresowe</t>
  </si>
  <si>
    <t>2 .Dane podstawowe</t>
  </si>
  <si>
    <t>ulica</t>
  </si>
  <si>
    <t>REGON</t>
  </si>
  <si>
    <t>imię i nazwisko</t>
  </si>
  <si>
    <t>kod pocztowy</t>
  </si>
  <si>
    <t>NIP/PESEL</t>
  </si>
  <si>
    <t>nr telefonu komórkowego</t>
  </si>
  <si>
    <t>miejscowość</t>
  </si>
  <si>
    <t>KRS/CEIDG</t>
  </si>
  <si>
    <t>imienny adres email</t>
  </si>
  <si>
    <t>forma prawna</t>
  </si>
  <si>
    <t>struktura własności</t>
  </si>
  <si>
    <t>strona www</t>
  </si>
  <si>
    <t>data rozpoczęcia działalności</t>
  </si>
  <si>
    <t>email</t>
  </si>
  <si>
    <t>4. Główna działalność firmy</t>
  </si>
  <si>
    <t>5. Liczba właścicieli\udziałowców (o ile znana)</t>
  </si>
  <si>
    <t>8. Stanowisko głównego menedżera firmy (np. prezes zarządu, właściciel)</t>
  </si>
  <si>
    <t xml:space="preserve">10. Pozycja dominująca w innych firmach (proszę wymienić firmy) </t>
  </si>
  <si>
    <t>11. Uczestnictwo w Grupie kapitałowej\Holdingu (jakim?)</t>
  </si>
  <si>
    <t>INNE ELEMENTY (PONŻIEJ PRZYKŁADOWE)</t>
  </si>
  <si>
    <t>tak/nie *)</t>
  </si>
  <si>
    <t>nazwa usługi</t>
  </si>
  <si>
    <t>data realizacji usługi</t>
  </si>
  <si>
    <t>INNE……………………………………..</t>
  </si>
  <si>
    <t>15. Informacje dodatkowe</t>
  </si>
  <si>
    <t>Czy firma Oferenta jest klientem 
PKO Banku Polskiego S.A.?</t>
  </si>
  <si>
    <r>
      <rPr>
        <sz val="10"/>
        <color rgb="FFFF0000"/>
        <rFont val="PKO Bank Polski"/>
        <family val="2"/>
        <charset val="238"/>
      </rPr>
      <t>*)</t>
    </r>
    <r>
      <rPr>
        <sz val="10"/>
        <color rgb="FF000000"/>
        <rFont val="PKO Bank Polski"/>
        <family val="2"/>
        <charset val="238"/>
      </rPr>
      <t xml:space="preserve"> pozostawić właściwą odpowiedź</t>
    </r>
  </si>
  <si>
    <t xml:space="preserve">__________________________________________
podpisy Osób upoważnionych </t>
  </si>
  <si>
    <t xml:space="preserve">telefon </t>
  </si>
  <si>
    <t>3. Osoba do kontaktu do kontaktu w spr. RFI:</t>
  </si>
  <si>
    <t>6. Główni właściciele\udziałowcy (powyżej 5%)</t>
  </si>
  <si>
    <t>7. Imię i nazwisko głównego menedżera firmy</t>
  </si>
  <si>
    <t>9. Liczba zatrudnionych oraz osób, dla których podmiot jest kluczowym zleceniodawcą  lub partnerem biznesowym</t>
  </si>
  <si>
    <t>12. Czy firma realizowała/realizuje projekty dla szeroko rozumianego sektora finansowego?</t>
  </si>
  <si>
    <t xml:space="preserve">13. Ogólny opis doświadczenia projektowego lub we stałej współpracy w zakresie przedmiotu zapytania  w latach 2021-2025  dla wybranych przez Państwa przykładów
</t>
  </si>
  <si>
    <t>nazwa firmy dla której realizowano usługę (w przypadku potrzeby  zanonimizowania nazwy klienta - krótkie wyjaśnienie przyczyny)</t>
  </si>
  <si>
    <t>krótki, esencjonalny opis usługi</t>
  </si>
  <si>
    <t>14. Czy  firma będzie ewentualnie mogła dostarczyć potwierdzenie o należytym wykonaniu usługi</t>
  </si>
  <si>
    <t>główne kody EKD</t>
  </si>
  <si>
    <t>czy posiadają Państwo pisemne lub ustne referencje (wskazując osoby do kontaktu)?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>
    <font>
      <sz val="11"/>
      <color theme="1"/>
      <name val="Czcionka tekstu podstawowego"/>
      <family val="2"/>
      <charset val="238"/>
    </font>
    <font>
      <b/>
      <sz val="10"/>
      <color theme="1"/>
      <name val="PKO Bank Polski"/>
      <family val="2"/>
      <charset val="238"/>
    </font>
    <font>
      <b/>
      <sz val="10"/>
      <color rgb="FFFF0000"/>
      <name val="PKO Bank Polski"/>
      <family val="2"/>
      <charset val="238"/>
    </font>
    <font>
      <sz val="10"/>
      <color theme="1"/>
      <name val="PKO Bank Polski"/>
      <family val="2"/>
      <charset val="238"/>
    </font>
    <font>
      <i/>
      <sz val="10"/>
      <color theme="1"/>
      <name val="PKO Bank Polski"/>
      <family val="2"/>
      <charset val="238"/>
    </font>
    <font>
      <sz val="10"/>
      <color rgb="FFFF0000"/>
      <name val="PKO Bank Polski"/>
      <family val="2"/>
      <charset val="238"/>
    </font>
    <font>
      <sz val="10"/>
      <name val="PKO Bank Polski"/>
      <family val="2"/>
      <charset val="238"/>
    </font>
    <font>
      <sz val="10"/>
      <color rgb="FF000000"/>
      <name val="PKO Bank Polski"/>
      <family val="2"/>
      <charset val="238"/>
    </font>
    <font>
      <b/>
      <sz val="11"/>
      <color theme="1"/>
      <name val="PKO Bank Polski"/>
      <family val="2"/>
      <charset val="238"/>
    </font>
    <font>
      <sz val="11"/>
      <color theme="1"/>
      <name val="PKO Bank Polski"/>
      <family val="2"/>
      <charset val="238"/>
    </font>
    <font>
      <b/>
      <sz val="11"/>
      <name val="PKO Bank Polski"/>
      <family val="2"/>
      <charset val="238"/>
    </font>
    <font>
      <b/>
      <sz val="10"/>
      <name val="PKO Bank Polski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0" tint="-4.9989318521683403E-2"/>
        <bgColor indexed="64"/>
      </patternFill>
    </fill>
  </fills>
  <borders count="15">
    <border>
      <left/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80">
    <xf numFmtId="0" fontId="0" fillId="0" borderId="0" xfId="0"/>
    <xf numFmtId="0" fontId="3" fillId="0" borderId="0" xfId="0" applyFont="1" applyAlignment="1">
      <alignment vertical="center" wrapText="1"/>
    </xf>
    <xf numFmtId="0" fontId="1" fillId="3" borderId="0" xfId="0" applyFont="1" applyFill="1" applyAlignment="1">
      <alignment horizontal="left" vertical="center" wrapText="1"/>
    </xf>
    <xf numFmtId="0" fontId="8" fillId="3" borderId="14" xfId="0" applyFont="1" applyFill="1" applyBorder="1" applyAlignment="1">
      <alignment horizontal="left" vertical="center" wrapText="1"/>
    </xf>
    <xf numFmtId="0" fontId="8" fillId="3" borderId="0" xfId="0" applyFont="1" applyFill="1" applyAlignment="1">
      <alignment horizontal="left" vertical="center" wrapText="1"/>
    </xf>
    <xf numFmtId="0" fontId="9" fillId="0" borderId="0" xfId="0" applyFont="1" applyAlignment="1">
      <alignment vertical="center" wrapText="1"/>
    </xf>
    <xf numFmtId="0" fontId="8" fillId="2" borderId="9" xfId="0" applyFont="1" applyFill="1" applyBorder="1" applyAlignment="1">
      <alignment horizontal="center" vertical="center" wrapText="1"/>
    </xf>
    <xf numFmtId="0" fontId="10" fillId="3" borderId="14" xfId="0" applyFont="1" applyFill="1" applyBorder="1" applyAlignment="1">
      <alignment horizontal="left" vertical="center"/>
    </xf>
    <xf numFmtId="0" fontId="3" fillId="0" borderId="3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1" xfId="0" applyFont="1" applyBorder="1" applyAlignment="1">
      <alignment vertical="center" wrapText="1"/>
    </xf>
    <xf numFmtId="0" fontId="6" fillId="2" borderId="4" xfId="0" applyFont="1" applyFill="1" applyBorder="1" applyAlignment="1">
      <alignment horizontal="center" vertical="center" wrapText="1"/>
    </xf>
    <xf numFmtId="0" fontId="6" fillId="0" borderId="4" xfId="0" applyFont="1" applyBorder="1" applyAlignment="1">
      <alignment vertical="center" wrapText="1"/>
    </xf>
    <xf numFmtId="0" fontId="6" fillId="0" borderId="4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3" fillId="4" borderId="3" xfId="0" applyFont="1" applyFill="1" applyBorder="1" applyAlignment="1">
      <alignment horizontal="right" vertical="center" wrapText="1"/>
    </xf>
    <xf numFmtId="0" fontId="3" fillId="4" borderId="2" xfId="0" applyFont="1" applyFill="1" applyBorder="1" applyAlignment="1">
      <alignment horizontal="right" vertical="center" wrapText="1"/>
    </xf>
    <xf numFmtId="0" fontId="6" fillId="4" borderId="3" xfId="0" applyFont="1" applyFill="1" applyBorder="1" applyAlignment="1">
      <alignment horizontal="right" vertical="center" wrapText="1"/>
    </xf>
    <xf numFmtId="0" fontId="6" fillId="4" borderId="2" xfId="0" applyFont="1" applyFill="1" applyBorder="1" applyAlignment="1">
      <alignment horizontal="right" vertical="center" wrapText="1"/>
    </xf>
    <xf numFmtId="0" fontId="3" fillId="2" borderId="4" xfId="0" applyFont="1" applyFill="1" applyBorder="1" applyAlignment="1">
      <alignment horizontal="left" vertical="center" wrapText="1"/>
    </xf>
    <xf numFmtId="0" fontId="3" fillId="4" borderId="3" xfId="0" applyFont="1" applyFill="1" applyBorder="1" applyAlignment="1">
      <alignment horizontal="right" vertical="center"/>
    </xf>
    <xf numFmtId="0" fontId="3" fillId="4" borderId="2" xfId="0" applyFont="1" applyFill="1" applyBorder="1" applyAlignment="1">
      <alignment horizontal="right" vertical="center"/>
    </xf>
    <xf numFmtId="0" fontId="3" fillId="2" borderId="4" xfId="0" applyFont="1" applyFill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 wrapText="1"/>
    </xf>
    <xf numFmtId="0" fontId="3" fillId="3" borderId="1" xfId="0" applyFont="1" applyFill="1" applyBorder="1" applyAlignment="1">
      <alignment horizontal="center" vertical="center" wrapText="1"/>
    </xf>
    <xf numFmtId="0" fontId="3" fillId="3" borderId="2" xfId="0" applyFont="1" applyFill="1" applyBorder="1" applyAlignment="1">
      <alignment horizontal="center" vertical="center" wrapText="1"/>
    </xf>
    <xf numFmtId="0" fontId="4" fillId="3" borderId="10" xfId="0" applyFont="1" applyFill="1" applyBorder="1" applyAlignment="1">
      <alignment horizontal="left" vertical="center" wrapText="1"/>
    </xf>
    <xf numFmtId="0" fontId="4" fillId="3" borderId="0" xfId="0" applyFont="1" applyFill="1" applyAlignment="1">
      <alignment horizontal="left" vertical="center" wrapText="1"/>
    </xf>
    <xf numFmtId="0" fontId="3" fillId="0" borderId="3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6" fillId="5" borderId="3" xfId="0" applyFont="1" applyFill="1" applyBorder="1" applyAlignment="1">
      <alignment horizontal="right" vertical="center" wrapText="1"/>
    </xf>
    <xf numFmtId="0" fontId="6" fillId="5" borderId="2" xfId="0" applyFont="1" applyFill="1" applyBorder="1" applyAlignment="1">
      <alignment horizontal="right"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13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6" fillId="2" borderId="4" xfId="0" applyFont="1" applyFill="1" applyBorder="1" applyAlignment="1">
      <alignment horizontal="left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11" fillId="2" borderId="3" xfId="0" applyFont="1" applyFill="1" applyBorder="1" applyAlignment="1">
      <alignment horizontal="left" vertical="center" wrapText="1"/>
    </xf>
    <xf numFmtId="0" fontId="11" fillId="2" borderId="1" xfId="0" applyFont="1" applyFill="1" applyBorder="1" applyAlignment="1">
      <alignment horizontal="left" vertical="center" wrapText="1"/>
    </xf>
    <xf numFmtId="0" fontId="11" fillId="2" borderId="2" xfId="0" applyFont="1" applyFill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0" fontId="6" fillId="2" borderId="4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2" fillId="0" borderId="4" xfId="0" applyFont="1" applyBorder="1" applyAlignment="1">
      <alignment horizontal="center" vertical="center" wrapText="1"/>
    </xf>
    <xf numFmtId="0" fontId="1" fillId="2" borderId="4" xfId="0" applyFont="1" applyFill="1" applyBorder="1" applyAlignment="1">
      <alignment horizontal="left" vertical="center" wrapText="1"/>
    </xf>
    <xf numFmtId="0" fontId="1" fillId="2" borderId="4" xfId="0" applyFont="1" applyFill="1" applyBorder="1" applyAlignment="1">
      <alignment horizontal="center" vertical="center" wrapText="1"/>
    </xf>
    <xf numFmtId="0" fontId="1" fillId="2" borderId="3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 wrapText="1"/>
    </xf>
    <xf numFmtId="0" fontId="1" fillId="2" borderId="2" xfId="0" applyFont="1" applyFill="1" applyBorder="1" applyAlignment="1">
      <alignment horizontal="center" vertical="center" wrapText="1"/>
    </xf>
    <xf numFmtId="0" fontId="11" fillId="2" borderId="11" xfId="0" applyFont="1" applyFill="1" applyBorder="1" applyAlignment="1">
      <alignment horizontal="left" vertical="center" wrapText="1"/>
    </xf>
    <xf numFmtId="0" fontId="11" fillId="2" borderId="12" xfId="0" applyFont="1" applyFill="1" applyBorder="1" applyAlignment="1">
      <alignment horizontal="left" vertical="center" wrapText="1"/>
    </xf>
    <xf numFmtId="0" fontId="11" fillId="2" borderId="13" xfId="0" applyFont="1" applyFill="1" applyBorder="1" applyAlignment="1">
      <alignment horizontal="left" vertical="center" wrapText="1"/>
    </xf>
    <xf numFmtId="0" fontId="11" fillId="2" borderId="10" xfId="0" applyFont="1" applyFill="1" applyBorder="1" applyAlignment="1">
      <alignment horizontal="left" vertical="center" wrapText="1"/>
    </xf>
    <xf numFmtId="0" fontId="11" fillId="2" borderId="0" xfId="0" applyFont="1" applyFill="1" applyAlignment="1">
      <alignment horizontal="left" vertical="center" wrapText="1"/>
    </xf>
    <xf numFmtId="0" fontId="11" fillId="2" borderId="8" xfId="0" applyFont="1" applyFill="1" applyBorder="1" applyAlignment="1">
      <alignment horizontal="left" vertical="center" wrapText="1"/>
    </xf>
    <xf numFmtId="0" fontId="11" fillId="2" borderId="5" xfId="0" applyFont="1" applyFill="1" applyBorder="1" applyAlignment="1">
      <alignment horizontal="left" vertical="center" wrapText="1"/>
    </xf>
    <xf numFmtId="0" fontId="11" fillId="2" borderId="6" xfId="0" applyFont="1" applyFill="1" applyBorder="1" applyAlignment="1">
      <alignment horizontal="left" vertical="center" wrapText="1"/>
    </xf>
    <xf numFmtId="0" fontId="11" fillId="2" borderId="7" xfId="0" applyFont="1" applyFill="1" applyBorder="1" applyAlignment="1">
      <alignment horizontal="left" vertical="center" wrapText="1"/>
    </xf>
    <xf numFmtId="0" fontId="1" fillId="2" borderId="3" xfId="0" applyFont="1" applyFill="1" applyBorder="1" applyAlignment="1">
      <alignment horizontal="left" vertical="center" wrapText="1"/>
    </xf>
    <xf numFmtId="0" fontId="1" fillId="2" borderId="1" xfId="0" applyFont="1" applyFill="1" applyBorder="1" applyAlignment="1">
      <alignment horizontal="left" vertical="center" wrapText="1"/>
    </xf>
    <xf numFmtId="0" fontId="1" fillId="2" borderId="2" xfId="0" applyFont="1" applyFill="1" applyBorder="1" applyAlignment="1">
      <alignment horizontal="left" vertical="center" wrapText="1"/>
    </xf>
  </cellXfs>
  <cellStyles count="1">
    <cellStyle name="Normalny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w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1</xdr:col>
      <xdr:colOff>159515</xdr:colOff>
      <xdr:row>0</xdr:row>
      <xdr:rowOff>35726</xdr:rowOff>
    </xdr:from>
    <xdr:to>
      <xdr:col>13</xdr:col>
      <xdr:colOff>369948</xdr:colOff>
      <xdr:row>8</xdr:row>
      <xdr:rowOff>152407</xdr:rowOff>
    </xdr:to>
    <xdr:pic>
      <xdr:nvPicPr>
        <xdr:cNvPr id="2" name="Obraz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/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2732515" y="35726"/>
          <a:ext cx="2305051" cy="1476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Pakiet Office 2007–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 2007–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 2007–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8:L43"/>
  <sheetViews>
    <sheetView tabSelected="1" zoomScaleNormal="100" zoomScaleSheetLayoutView="90" workbookViewId="0">
      <selection activeCell="B12" sqref="B12:L12"/>
    </sheetView>
  </sheetViews>
  <sheetFormatPr defaultColWidth="9" defaultRowHeight="13.5"/>
  <cols>
    <col min="1" max="11" width="15" style="1" customWidth="1"/>
    <col min="12" max="12" width="18.33203125" style="1" customWidth="1"/>
    <col min="13" max="16384" width="9" style="1"/>
  </cols>
  <sheetData>
    <row r="8" spans="1:12" s="5" customFormat="1" ht="15" thickBot="1">
      <c r="A8" s="7" t="s">
        <v>0</v>
      </c>
      <c r="B8" s="3"/>
      <c r="C8" s="3"/>
      <c r="D8" s="3"/>
      <c r="E8" s="3"/>
      <c r="F8" s="4"/>
      <c r="G8" s="4"/>
      <c r="H8" s="4"/>
      <c r="I8" s="4"/>
    </row>
    <row r="9" spans="1:12">
      <c r="A9" s="2"/>
      <c r="B9" s="2"/>
      <c r="C9" s="2"/>
      <c r="D9" s="2"/>
      <c r="E9" s="2"/>
      <c r="F9" s="2"/>
      <c r="G9" s="2"/>
      <c r="H9" s="2"/>
      <c r="I9" s="2"/>
      <c r="K9" s="15"/>
      <c r="L9" s="15"/>
    </row>
    <row r="10" spans="1:12">
      <c r="A10" s="31"/>
      <c r="B10" s="32"/>
      <c r="C10" s="32"/>
      <c r="D10" s="32"/>
      <c r="E10" s="32"/>
      <c r="F10" s="32"/>
      <c r="G10" s="32"/>
      <c r="H10" s="32"/>
      <c r="I10" s="32"/>
      <c r="J10" s="32"/>
      <c r="K10" s="32"/>
      <c r="L10" s="32"/>
    </row>
    <row r="11" spans="1:12">
      <c r="A11" s="31"/>
      <c r="B11" s="32"/>
      <c r="C11" s="32"/>
      <c r="D11" s="32"/>
      <c r="E11" s="32"/>
      <c r="F11" s="32"/>
      <c r="G11" s="32"/>
      <c r="H11" s="32"/>
      <c r="I11" s="32"/>
      <c r="J11" s="32"/>
      <c r="K11" s="32"/>
      <c r="L11" s="32"/>
    </row>
    <row r="12" spans="1:12" ht="20" customHeight="1">
      <c r="A12" s="6" t="s">
        <v>1</v>
      </c>
      <c r="B12" s="28"/>
      <c r="C12" s="29"/>
      <c r="D12" s="29"/>
      <c r="E12" s="29"/>
      <c r="F12" s="29"/>
      <c r="G12" s="29"/>
      <c r="H12" s="29"/>
      <c r="I12" s="29"/>
      <c r="J12" s="29"/>
      <c r="K12" s="29"/>
      <c r="L12" s="30"/>
    </row>
    <row r="13" spans="1:12" ht="20" customHeight="1">
      <c r="A13" s="23" t="s">
        <v>2</v>
      </c>
      <c r="B13" s="23"/>
      <c r="C13" s="23"/>
      <c r="D13" s="23"/>
      <c r="E13" s="23" t="s">
        <v>3</v>
      </c>
      <c r="F13" s="23"/>
      <c r="G13" s="23"/>
      <c r="H13" s="23"/>
      <c r="I13" s="23" t="s">
        <v>33</v>
      </c>
      <c r="J13" s="23"/>
      <c r="K13" s="23"/>
      <c r="L13" s="23"/>
    </row>
    <row r="14" spans="1:12" ht="20" customHeight="1">
      <c r="A14" s="16" t="s">
        <v>4</v>
      </c>
      <c r="B14" s="17"/>
      <c r="C14" s="24"/>
      <c r="D14" s="25"/>
      <c r="E14" s="21" t="s">
        <v>5</v>
      </c>
      <c r="F14" s="22"/>
      <c r="G14" s="33"/>
      <c r="H14" s="34"/>
      <c r="I14" s="35" t="s">
        <v>6</v>
      </c>
      <c r="J14" s="36"/>
      <c r="K14" s="26"/>
      <c r="L14" s="27"/>
    </row>
    <row r="15" spans="1:12" ht="20" customHeight="1">
      <c r="A15" s="16" t="s">
        <v>7</v>
      </c>
      <c r="B15" s="17"/>
      <c r="C15" s="24"/>
      <c r="D15" s="25"/>
      <c r="E15" s="21" t="s">
        <v>8</v>
      </c>
      <c r="F15" s="22"/>
      <c r="G15" s="33"/>
      <c r="H15" s="34"/>
      <c r="I15" s="35" t="s">
        <v>9</v>
      </c>
      <c r="J15" s="36"/>
      <c r="K15" s="26"/>
      <c r="L15" s="27"/>
    </row>
    <row r="16" spans="1:12" ht="20" customHeight="1">
      <c r="A16" s="16" t="s">
        <v>10</v>
      </c>
      <c r="B16" s="17"/>
      <c r="C16" s="24"/>
      <c r="D16" s="25"/>
      <c r="E16" s="16" t="s">
        <v>11</v>
      </c>
      <c r="F16" s="17"/>
      <c r="G16" s="24"/>
      <c r="H16" s="25"/>
      <c r="I16" s="35" t="s">
        <v>12</v>
      </c>
      <c r="J16" s="36"/>
      <c r="K16" s="26"/>
      <c r="L16" s="27"/>
    </row>
    <row r="17" spans="1:12" ht="20" customHeight="1">
      <c r="C17" s="24"/>
      <c r="D17" s="25"/>
      <c r="E17" s="16" t="s">
        <v>13</v>
      </c>
      <c r="F17" s="17"/>
      <c r="G17" s="24"/>
      <c r="H17" s="25"/>
      <c r="I17" s="37"/>
      <c r="J17" s="38"/>
      <c r="K17" s="38"/>
      <c r="L17" s="39"/>
    </row>
    <row r="18" spans="1:12" ht="20" customHeight="1">
      <c r="A18" s="16" t="s">
        <v>15</v>
      </c>
      <c r="B18" s="17"/>
      <c r="C18" s="24"/>
      <c r="D18" s="25"/>
      <c r="E18" s="18" t="s">
        <v>14</v>
      </c>
      <c r="F18" s="19"/>
      <c r="G18" s="24"/>
      <c r="H18" s="25"/>
      <c r="I18" s="40"/>
      <c r="J18" s="41"/>
      <c r="K18" s="41"/>
      <c r="L18" s="42"/>
    </row>
    <row r="19" spans="1:12" ht="20" customHeight="1">
      <c r="A19" s="16" t="s">
        <v>32</v>
      </c>
      <c r="B19" s="17"/>
      <c r="C19" s="24"/>
      <c r="D19" s="25"/>
      <c r="E19" s="16" t="s">
        <v>16</v>
      </c>
      <c r="F19" s="17"/>
      <c r="G19" s="24"/>
      <c r="H19" s="25"/>
      <c r="I19" s="40"/>
      <c r="J19" s="41"/>
      <c r="K19" s="41"/>
      <c r="L19" s="42"/>
    </row>
    <row r="20" spans="1:12" ht="20" customHeight="1">
      <c r="A20" s="16" t="s">
        <v>17</v>
      </c>
      <c r="B20" s="17"/>
      <c r="C20" s="24"/>
      <c r="D20" s="25"/>
      <c r="E20" s="16" t="s">
        <v>42</v>
      </c>
      <c r="F20" s="17"/>
      <c r="G20" s="24"/>
      <c r="H20" s="25"/>
      <c r="I20" s="43"/>
      <c r="J20" s="44"/>
      <c r="K20" s="44"/>
      <c r="L20" s="45"/>
    </row>
    <row r="21" spans="1:12" ht="20" customHeight="1">
      <c r="A21" s="20" t="s">
        <v>18</v>
      </c>
      <c r="B21" s="20"/>
      <c r="C21" s="20"/>
      <c r="D21" s="20"/>
      <c r="E21" s="46"/>
      <c r="F21" s="46"/>
      <c r="G21" s="46"/>
      <c r="H21" s="46"/>
      <c r="I21" s="46"/>
      <c r="J21" s="46"/>
      <c r="K21" s="46"/>
      <c r="L21" s="46"/>
    </row>
    <row r="22" spans="1:12" ht="20" customHeight="1">
      <c r="A22" s="20" t="s">
        <v>19</v>
      </c>
      <c r="B22" s="20"/>
      <c r="C22" s="20"/>
      <c r="D22" s="20"/>
      <c r="E22" s="46"/>
      <c r="F22" s="46"/>
      <c r="G22" s="46"/>
      <c r="H22" s="46"/>
      <c r="I22" s="46"/>
      <c r="J22" s="46"/>
      <c r="K22" s="46"/>
      <c r="L22" s="46"/>
    </row>
    <row r="23" spans="1:12" ht="20" customHeight="1">
      <c r="A23" s="47" t="s">
        <v>34</v>
      </c>
      <c r="B23" s="47"/>
      <c r="C23" s="47"/>
      <c r="D23" s="47"/>
      <c r="E23" s="46"/>
      <c r="F23" s="46"/>
      <c r="G23" s="46"/>
      <c r="H23" s="46"/>
      <c r="I23" s="46"/>
      <c r="J23" s="46"/>
      <c r="K23" s="46"/>
      <c r="L23" s="46"/>
    </row>
    <row r="24" spans="1:12" ht="20" customHeight="1">
      <c r="A24" s="47" t="s">
        <v>35</v>
      </c>
      <c r="B24" s="47"/>
      <c r="C24" s="47"/>
      <c r="D24" s="47"/>
      <c r="E24" s="46"/>
      <c r="F24" s="46"/>
      <c r="G24" s="46"/>
      <c r="H24" s="46"/>
      <c r="I24" s="46"/>
      <c r="J24" s="46"/>
      <c r="K24" s="46"/>
      <c r="L24" s="46"/>
    </row>
    <row r="25" spans="1:12" ht="23.25" customHeight="1">
      <c r="A25" s="47" t="s">
        <v>20</v>
      </c>
      <c r="B25" s="47"/>
      <c r="C25" s="47"/>
      <c r="D25" s="47"/>
      <c r="E25" s="46"/>
      <c r="F25" s="46"/>
      <c r="G25" s="46"/>
      <c r="H25" s="46"/>
      <c r="I25" s="46"/>
      <c r="J25" s="46"/>
      <c r="K25" s="46"/>
      <c r="L25" s="46"/>
    </row>
    <row r="26" spans="1:12" ht="20" customHeight="1">
      <c r="A26" s="47" t="s">
        <v>36</v>
      </c>
      <c r="B26" s="47"/>
      <c r="C26" s="47"/>
      <c r="D26" s="47"/>
      <c r="E26" s="46"/>
      <c r="F26" s="46"/>
      <c r="G26" s="46"/>
      <c r="H26" s="46"/>
      <c r="I26" s="46"/>
      <c r="J26" s="46"/>
      <c r="K26" s="46"/>
      <c r="L26" s="46"/>
    </row>
    <row r="27" spans="1:12" ht="20" customHeight="1">
      <c r="A27" s="47" t="s">
        <v>21</v>
      </c>
      <c r="B27" s="47"/>
      <c r="C27" s="47"/>
      <c r="D27" s="47"/>
      <c r="E27" s="46"/>
      <c r="F27" s="46"/>
      <c r="G27" s="46"/>
      <c r="H27" s="46"/>
      <c r="I27" s="46"/>
      <c r="J27" s="46"/>
      <c r="K27" s="46"/>
      <c r="L27" s="46"/>
    </row>
    <row r="28" spans="1:12" ht="20" customHeight="1">
      <c r="A28" s="47" t="s">
        <v>22</v>
      </c>
      <c r="B28" s="47"/>
      <c r="C28" s="47"/>
      <c r="D28" s="47"/>
      <c r="E28" s="24"/>
      <c r="F28" s="55"/>
      <c r="G28" s="55"/>
      <c r="H28" s="55"/>
      <c r="I28" s="55"/>
      <c r="J28" s="55"/>
      <c r="K28" s="55"/>
      <c r="L28" s="25"/>
    </row>
    <row r="29" spans="1:12" ht="20" customHeight="1">
      <c r="A29" s="57" t="s">
        <v>23</v>
      </c>
      <c r="B29" s="58"/>
      <c r="C29" s="58"/>
      <c r="D29" s="59"/>
      <c r="E29" s="8"/>
      <c r="F29" s="9"/>
      <c r="G29" s="9"/>
      <c r="H29" s="9"/>
      <c r="I29" s="9"/>
      <c r="J29" s="9"/>
      <c r="K29" s="9"/>
      <c r="L29" s="10"/>
    </row>
    <row r="30" spans="1:12" ht="37" customHeight="1">
      <c r="A30" s="52" t="s">
        <v>37</v>
      </c>
      <c r="B30" s="53"/>
      <c r="C30" s="53"/>
      <c r="D30" s="54"/>
      <c r="E30" s="48"/>
      <c r="F30" s="49"/>
      <c r="G30" s="49"/>
      <c r="H30" s="49"/>
      <c r="I30" s="49"/>
      <c r="J30" s="49"/>
      <c r="K30" s="49"/>
      <c r="L30" s="50"/>
    </row>
    <row r="31" spans="1:12" ht="54" customHeight="1">
      <c r="A31" s="68" t="s">
        <v>38</v>
      </c>
      <c r="B31" s="69"/>
      <c r="C31" s="69"/>
      <c r="D31" s="70"/>
      <c r="E31" s="56" t="s">
        <v>39</v>
      </c>
      <c r="F31" s="56"/>
      <c r="G31" s="56" t="s">
        <v>25</v>
      </c>
      <c r="H31" s="56"/>
      <c r="I31" s="56" t="s">
        <v>40</v>
      </c>
      <c r="J31" s="56"/>
      <c r="K31" s="12" t="s">
        <v>26</v>
      </c>
      <c r="L31" s="12" t="s">
        <v>43</v>
      </c>
    </row>
    <row r="32" spans="1:12" ht="20" customHeight="1">
      <c r="A32" s="71"/>
      <c r="B32" s="72"/>
      <c r="C32" s="72"/>
      <c r="D32" s="73"/>
      <c r="E32" s="51"/>
      <c r="F32" s="51"/>
      <c r="G32" s="51"/>
      <c r="H32" s="51"/>
      <c r="I32" s="51"/>
      <c r="J32" s="51"/>
      <c r="K32" s="13"/>
      <c r="L32" s="14"/>
    </row>
    <row r="33" spans="1:12" ht="20" customHeight="1">
      <c r="A33" s="71"/>
      <c r="B33" s="72"/>
      <c r="C33" s="72"/>
      <c r="D33" s="73"/>
      <c r="E33" s="26"/>
      <c r="F33" s="27"/>
      <c r="G33" s="26"/>
      <c r="H33" s="27"/>
      <c r="I33" s="26"/>
      <c r="J33" s="27"/>
      <c r="K33" s="13"/>
      <c r="L33" s="14"/>
    </row>
    <row r="34" spans="1:12" ht="20" customHeight="1">
      <c r="A34" s="71"/>
      <c r="B34" s="72"/>
      <c r="C34" s="72"/>
      <c r="D34" s="73"/>
      <c r="E34" s="51"/>
      <c r="F34" s="51"/>
      <c r="G34" s="51"/>
      <c r="H34" s="51"/>
      <c r="I34" s="51"/>
      <c r="J34" s="51"/>
      <c r="K34" s="13"/>
      <c r="L34" s="14"/>
    </row>
    <row r="35" spans="1:12" ht="20" customHeight="1">
      <c r="A35" s="74"/>
      <c r="B35" s="75"/>
      <c r="C35" s="75"/>
      <c r="D35" s="76"/>
      <c r="E35" s="51"/>
      <c r="F35" s="51"/>
      <c r="G35" s="51"/>
      <c r="H35" s="51"/>
      <c r="I35" s="51"/>
      <c r="J35" s="51"/>
      <c r="K35" s="13"/>
      <c r="L35" s="14"/>
    </row>
    <row r="36" spans="1:12" ht="20" customHeight="1">
      <c r="A36" s="77"/>
      <c r="B36" s="78"/>
      <c r="C36" s="78"/>
      <c r="D36" s="79"/>
      <c r="E36" s="8"/>
      <c r="F36" s="9"/>
      <c r="G36" s="9"/>
      <c r="H36" s="9"/>
      <c r="I36" s="9"/>
      <c r="J36" s="9"/>
      <c r="K36" s="11"/>
      <c r="L36" s="10"/>
    </row>
    <row r="37" spans="1:12" ht="39.5" customHeight="1">
      <c r="A37" s="52" t="s">
        <v>41</v>
      </c>
      <c r="B37" s="53"/>
      <c r="C37" s="53"/>
      <c r="D37" s="54"/>
      <c r="E37" s="48" t="s">
        <v>24</v>
      </c>
      <c r="F37" s="49"/>
      <c r="G37" s="49"/>
      <c r="H37" s="49"/>
      <c r="I37" s="49"/>
      <c r="J37" s="49"/>
      <c r="K37" s="49"/>
      <c r="L37" s="50"/>
    </row>
    <row r="38" spans="1:12" ht="29" customHeight="1">
      <c r="A38" s="65" t="s">
        <v>27</v>
      </c>
      <c r="B38" s="66"/>
      <c r="C38" s="66"/>
      <c r="D38" s="67"/>
      <c r="E38" s="48"/>
      <c r="F38" s="49"/>
      <c r="G38" s="49"/>
      <c r="H38" s="49"/>
      <c r="I38" s="49"/>
      <c r="J38" s="49"/>
      <c r="K38" s="49"/>
      <c r="L38" s="50"/>
    </row>
    <row r="39" spans="1:12" ht="27" customHeight="1">
      <c r="A39" s="63" t="s">
        <v>28</v>
      </c>
      <c r="B39" s="63"/>
      <c r="C39" s="63"/>
      <c r="D39" s="63"/>
      <c r="E39" s="57"/>
      <c r="F39" s="58"/>
      <c r="G39" s="58"/>
      <c r="H39" s="59"/>
      <c r="I39" s="64" t="s">
        <v>29</v>
      </c>
      <c r="J39" s="64"/>
      <c r="K39" s="62" t="s">
        <v>24</v>
      </c>
      <c r="L39" s="62"/>
    </row>
    <row r="42" spans="1:12" ht="24" customHeight="1">
      <c r="A42" s="61" t="s">
        <v>30</v>
      </c>
      <c r="B42" s="61"/>
    </row>
    <row r="43" spans="1:12" ht="72" customHeight="1">
      <c r="A43" s="60"/>
      <c r="B43" s="60"/>
      <c r="C43" s="60"/>
      <c r="D43" s="60"/>
      <c r="E43" s="60"/>
      <c r="F43" s="60" t="s">
        <v>31</v>
      </c>
      <c r="G43" s="60"/>
      <c r="H43" s="60"/>
      <c r="I43" s="60"/>
      <c r="J43" s="60"/>
      <c r="K43" s="60"/>
      <c r="L43" s="60"/>
    </row>
  </sheetData>
  <mergeCells count="87">
    <mergeCell ref="E38:L38"/>
    <mergeCell ref="A38:D38"/>
    <mergeCell ref="E39:H39"/>
    <mergeCell ref="E34:F34"/>
    <mergeCell ref="G34:H34"/>
    <mergeCell ref="I34:J34"/>
    <mergeCell ref="A31:D35"/>
    <mergeCell ref="G31:H31"/>
    <mergeCell ref="E31:F31"/>
    <mergeCell ref="E32:F32"/>
    <mergeCell ref="G32:H32"/>
    <mergeCell ref="A37:D37"/>
    <mergeCell ref="I32:J32"/>
    <mergeCell ref="I33:J33"/>
    <mergeCell ref="E37:L37"/>
    <mergeCell ref="A36:D36"/>
    <mergeCell ref="A43:E43"/>
    <mergeCell ref="F43:L43"/>
    <mergeCell ref="A42:B42"/>
    <mergeCell ref="K39:L39"/>
    <mergeCell ref="A39:D39"/>
    <mergeCell ref="I39:J39"/>
    <mergeCell ref="E26:L26"/>
    <mergeCell ref="E27:L27"/>
    <mergeCell ref="A23:D23"/>
    <mergeCell ref="A24:D24"/>
    <mergeCell ref="A25:D25"/>
    <mergeCell ref="A26:D26"/>
    <mergeCell ref="A27:D27"/>
    <mergeCell ref="A28:D28"/>
    <mergeCell ref="E30:L30"/>
    <mergeCell ref="G33:H33"/>
    <mergeCell ref="E35:F35"/>
    <mergeCell ref="G35:H35"/>
    <mergeCell ref="I35:J35"/>
    <mergeCell ref="A30:D30"/>
    <mergeCell ref="E28:L28"/>
    <mergeCell ref="E33:F33"/>
    <mergeCell ref="I31:J31"/>
    <mergeCell ref="A29:D29"/>
    <mergeCell ref="E21:L21"/>
    <mergeCell ref="E22:L22"/>
    <mergeCell ref="E23:L23"/>
    <mergeCell ref="E24:L24"/>
    <mergeCell ref="E25:L25"/>
    <mergeCell ref="C16:D16"/>
    <mergeCell ref="I13:L13"/>
    <mergeCell ref="A14:B14"/>
    <mergeCell ref="A15:B15"/>
    <mergeCell ref="A16:B16"/>
    <mergeCell ref="I17:L20"/>
    <mergeCell ref="E20:F20"/>
    <mergeCell ref="C18:D18"/>
    <mergeCell ref="C19:D19"/>
    <mergeCell ref="A18:B18"/>
    <mergeCell ref="B12:L12"/>
    <mergeCell ref="A10:L11"/>
    <mergeCell ref="C20:D20"/>
    <mergeCell ref="G14:H14"/>
    <mergeCell ref="G15:H15"/>
    <mergeCell ref="G16:H16"/>
    <mergeCell ref="G17:H17"/>
    <mergeCell ref="G19:H19"/>
    <mergeCell ref="G18:H18"/>
    <mergeCell ref="G20:H20"/>
    <mergeCell ref="I14:J14"/>
    <mergeCell ref="I15:J15"/>
    <mergeCell ref="I16:J16"/>
    <mergeCell ref="C14:D14"/>
    <mergeCell ref="C15:D15"/>
    <mergeCell ref="E19:F19"/>
    <mergeCell ref="K9:L9"/>
    <mergeCell ref="A20:B20"/>
    <mergeCell ref="E18:F18"/>
    <mergeCell ref="A21:D21"/>
    <mergeCell ref="A22:D22"/>
    <mergeCell ref="A19:B19"/>
    <mergeCell ref="E14:F14"/>
    <mergeCell ref="E15:F15"/>
    <mergeCell ref="E16:F16"/>
    <mergeCell ref="E17:F17"/>
    <mergeCell ref="A13:D13"/>
    <mergeCell ref="E13:H13"/>
    <mergeCell ref="C17:D17"/>
    <mergeCell ref="K14:L14"/>
    <mergeCell ref="K15:L15"/>
    <mergeCell ref="K16:L16"/>
  </mergeCells>
  <printOptions horizontalCentered="1"/>
  <pageMargins left="0.23622047244094491" right="0.23622047244094491" top="0.74803149606299213" bottom="0.74803149606299213" header="0.31496062992125984" footer="0.31496062992125984"/>
  <pageSetup paperSize="9" scale="65" orientation="landscape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351737eb-5ab9-44bd-8525-7d3c99b07681" xsi:nil="true"/>
    <lcf76f155ced4ddcb4097134ff3c332f xmlns="f9178a0e-30fc-4bad-9a79-aae5c60a61a4">
      <Terms xmlns="http://schemas.microsoft.com/office/infopath/2007/PartnerControls"/>
    </lcf76f155ced4ddcb4097134ff3c332f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206EEC26F0ECC44C8D7066E30F2C4979" ma:contentTypeVersion="14" ma:contentTypeDescription="Utwórz nowy dokument." ma:contentTypeScope="" ma:versionID="b8e130965b44170a0830979fa0ae47e7">
  <xsd:schema xmlns:xsd="http://www.w3.org/2001/XMLSchema" xmlns:xs="http://www.w3.org/2001/XMLSchema" xmlns:p="http://schemas.microsoft.com/office/2006/metadata/properties" xmlns:ns2="f9178a0e-30fc-4bad-9a79-aae5c60a61a4" xmlns:ns3="351737eb-5ab9-44bd-8525-7d3c99b07681" targetNamespace="http://schemas.microsoft.com/office/2006/metadata/properties" ma:root="true" ma:fieldsID="c745d36e9134d4a76eea08cae1ee73d2" ns2:_="" ns3:_="">
    <xsd:import namespace="f9178a0e-30fc-4bad-9a79-aae5c60a61a4"/>
    <xsd:import namespace="351737eb-5ab9-44bd-8525-7d3c99b0768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Locatio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MediaServiceBilling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9178a0e-30fc-4bad-9a79-aae5c60a61a4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lcf76f155ced4ddcb4097134ff3c332f" ma:index="13" nillable="true" ma:taxonomy="true" ma:internalName="lcf76f155ced4ddcb4097134ff3c332f" ma:taxonomyFieldName="MediaServiceImageTags" ma:displayName="Tagi obrazów" ma:readOnly="false" ma:fieldId="{5cf76f15-5ced-4ddc-b409-7134ff3c332f}" ma:taxonomyMulti="true" ma:sspId="64821548-42f1-4bcb-8a21-c25d0362496c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5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Location" ma:index="16" nillable="true" ma:displayName="Location" ma:indexed="true" ma:internalName="MediaServiceLocation" ma:readOnly="true">
      <xsd:simpleType>
        <xsd:restriction base="dms:Text"/>
      </xsd:simple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MediaServiceBillingMetadata" ma:index="21" nillable="true" ma:displayName="MediaServiceBillingMetadata" ma:hidden="true" ma:internalName="MediaServiceBilling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51737eb-5ab9-44bd-8525-7d3c99b07681" elementFormDefault="qualified">
    <xsd:import namespace="http://schemas.microsoft.com/office/2006/documentManagement/types"/>
    <xsd:import namespace="http://schemas.microsoft.com/office/infopath/2007/PartnerControls"/>
    <xsd:element name="TaxCatchAll" ma:index="14" nillable="true" ma:displayName="Taxonomy Catch All Column" ma:hidden="true" ma:list="{b91efa3c-ffd8-40bc-9211-85cc810ec75f}" ma:internalName="TaxCatchAll" ma:showField="CatchAllData" ma:web="351737eb-5ab9-44bd-8525-7d3c99b0768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zawartości"/>
        <xsd:element ref="dc:title" minOccurs="0" maxOccurs="1" ma:index="4" ma:displayName="Tytuł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8DE9482D-C83B-49AC-8E2F-3C924E4EFBD0}">
  <ds:schemaRefs>
    <ds:schemaRef ds:uri="http://schemas.microsoft.com/office/2006/metadata/properties"/>
    <ds:schemaRef ds:uri="http://schemas.microsoft.com/office/infopath/2007/PartnerControls"/>
    <ds:schemaRef ds:uri="351737eb-5ab9-44bd-8525-7d3c99b07681"/>
    <ds:schemaRef ds:uri="f9178a0e-30fc-4bad-9a79-aae5c60a61a4"/>
  </ds:schemaRefs>
</ds:datastoreItem>
</file>

<file path=customXml/itemProps2.xml><?xml version="1.0" encoding="utf-8"?>
<ds:datastoreItem xmlns:ds="http://schemas.openxmlformats.org/officeDocument/2006/customXml" ds:itemID="{DFCF3838-DB4D-404C-8B67-9147F9836C9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9178a0e-30fc-4bad-9a79-aae5c60a61a4"/>
    <ds:schemaRef ds:uri="351737eb-5ab9-44bd-8525-7d3c99b0768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911028EB-6D49-439A-A161-946EA72598F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Informcje_ogranizacyjne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iniarska-Gajownik Ilona</dc:creator>
  <cp:keywords/>
  <dc:description/>
  <cp:lastModifiedBy>Pałka Łukasz</cp:lastModifiedBy>
  <cp:revision/>
  <dcterms:created xsi:type="dcterms:W3CDTF">2013-02-21T14:41:58Z</dcterms:created>
  <dcterms:modified xsi:type="dcterms:W3CDTF">2025-12-29T11:56:1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06EEC26F0ECC44C8D7066E30F2C4979</vt:lpwstr>
  </property>
  <property fmtid="{D5CDD505-2E9C-101B-9397-08002B2CF9AE}" pid="3" name="MediaServiceImageTags">
    <vt:lpwstr/>
  </property>
</Properties>
</file>